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89" d="100"/>
          <a:sy n="89" d="100"/>
        </p:scale>
        <p:origin x="1282" y="53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822458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typ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Six </a:t>
            </a:r>
            <a:r>
              <a:rPr lang="de-DE" dirty="0" err="1"/>
              <a:t>conditions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endParaRPr lang="de-DE" dirty="0"/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F417CE-FEE0-46BD-AA6C-B0627DCE568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7265" y="1131590"/>
            <a:ext cx="5476735" cy="3651870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6D1AE60-3334-4882-BB38-B7ACFB743EBB}"/>
              </a:ext>
            </a:extLst>
          </p:cNvPr>
          <p:cNvSpPr txBox="1"/>
          <p:nvPr/>
        </p:nvSpPr>
        <p:spPr>
          <a:xfrm>
            <a:off x="7164288" y="4659982"/>
            <a:ext cx="95571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/>
              <a:t>source: time.com</a:t>
            </a:r>
            <a:endParaRPr lang="en-DE" sz="800" dirty="0"/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 err="1"/>
              <a:t>One</a:t>
            </a:r>
            <a:r>
              <a:rPr lang="de-DE" dirty="0"/>
              <a:t>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748"/>
            <a:ext cx="7884368" cy="2144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43</Words>
  <Application>Microsoft Office PowerPoint</Application>
  <PresentationFormat>Bildschirmpräsentation (16:9)</PresentationFormat>
  <Paragraphs>125</Paragraphs>
  <Slides>10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Simon</cp:lastModifiedBy>
  <cp:revision>46</cp:revision>
  <dcterms:created xsi:type="dcterms:W3CDTF">2013-01-17T10:32:59Z</dcterms:created>
  <dcterms:modified xsi:type="dcterms:W3CDTF">2018-11-06T09:42:08Z</dcterms:modified>
</cp:coreProperties>
</file>